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</p:sldMasterIdLst>
  <p:notesMasterIdLst>
    <p:notesMasterId r:id="rId16"/>
  </p:notesMasterIdLst>
  <p:sldIdLst>
    <p:sldId id="258" r:id="rId4"/>
    <p:sldId id="262" r:id="rId5"/>
    <p:sldId id="263" r:id="rId6"/>
    <p:sldId id="265" r:id="rId7"/>
    <p:sldId id="266" r:id="rId8"/>
    <p:sldId id="269" r:id="rId9"/>
    <p:sldId id="271" r:id="rId10"/>
    <p:sldId id="267" r:id="rId11"/>
    <p:sldId id="270" r:id="rId12"/>
    <p:sldId id="259" r:id="rId13"/>
    <p:sldId id="268" r:id="rId14"/>
    <p:sldId id="264" r:id="rId1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B9F3593-1BB9-4B41-8380-FCBF5E9DB135}" v="8" dt="2025-02-21T06:58:11.89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4556" autoAdjust="0"/>
    <p:restoredTop sz="94662" autoAdjust="0"/>
  </p:normalViewPr>
  <p:slideViewPr>
    <p:cSldViewPr snapToGrid="0" showGuides="1">
      <p:cViewPr varScale="1">
        <p:scale>
          <a:sx n="85" d="100"/>
          <a:sy n="85" d="100"/>
        </p:scale>
        <p:origin x="102" y="65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viewProps" Target="viewProps.xml"/><Relationship Id="rId3" Type="http://schemas.openxmlformats.org/officeDocument/2006/relationships/slideMaster" Target="slideMasters/slideMaster1.xml"/><Relationship Id="rId21" Type="http://schemas.microsoft.com/office/2015/10/relationships/revisionInfo" Target="revisionInfo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10" Type="http://schemas.openxmlformats.org/officeDocument/2006/relationships/slide" Target="slides/slide7.xml"/><Relationship Id="rId19" Type="http://schemas.openxmlformats.org/officeDocument/2006/relationships/theme" Target="theme/theme1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1/02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02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8.pn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hyperlink" Target="https://event.sdu.dk/klimakvarteretklimaworkshops" TargetMode="External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e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C65BC63-23E4-A96F-DA12-4501EF79E15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48166" y="1750434"/>
            <a:ext cx="10069011" cy="4070408"/>
          </a:xfrm>
        </p:spPr>
        <p:txBody>
          <a:bodyPr/>
          <a:lstStyle/>
          <a:p>
            <a:r>
              <a:rPr lang="da-DK" dirty="0"/>
              <a:t>Affaldssortering</a:t>
            </a:r>
            <a:br>
              <a:rPr lang="da-DK" dirty="0"/>
            </a:br>
            <a:br>
              <a:rPr lang="da-DK" sz="8000" dirty="0"/>
            </a:br>
            <a:br>
              <a:rPr lang="da-DK" sz="8000" dirty="0"/>
            </a:br>
            <a:r>
              <a:rPr lang="da-DK" sz="1600" dirty="0"/>
              <a:t>Malene Skovbakke – maskov@sdu.dk</a:t>
            </a:r>
            <a:br>
              <a:rPr lang="da-DK" sz="1600" dirty="0"/>
            </a:br>
            <a:r>
              <a:rPr lang="da-DK" sz="1600" dirty="0"/>
              <a:t>Projektleder – Teknisk Service</a:t>
            </a: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FE869FF-8B5C-0969-A97F-8C2367422698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10E6AE7-E45B-4CED-803A-322259898D1C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03C2DD84-0285-09EE-B0CE-03F3C584B324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0992251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369C9D7-DA1B-F4E3-89B5-BBDA7FBC76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em skal lære os at sortere korrekt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E623E33-7F6C-D9E8-0B49-E7F79FA6C43C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9B41122C-610A-0ADF-FE65-4A0340846A2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F538956-813D-4D72-A666-C9BD967D05D2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2EFC3DF-F780-2BB1-FE20-208DAAE6BA6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4EC9D2D1-B562-EAC9-914B-A14066298CB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88909" y="2576076"/>
            <a:ext cx="3124361" cy="1676486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F2CF52E0-B3FC-DAC1-0EAC-D0E16A255E0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44958" y="2933887"/>
            <a:ext cx="2121009" cy="1263715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A94C0F1C-2B3B-87E7-6D2F-4B647CD91BE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76635" y="2798834"/>
            <a:ext cx="2628762" cy="1453728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BB1D1FD3-186F-46EE-A72F-5D432655084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402640" y="4458840"/>
            <a:ext cx="1659022" cy="1676486"/>
          </a:xfrm>
          <a:prstGeom prst="rect">
            <a:avLst/>
          </a:prstGeom>
          <a:solidFill>
            <a:srgbClr val="FFFFFF"/>
          </a:solidFill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CD3C2799-C07E-6752-B799-C25A7D62727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95034" y="4340542"/>
            <a:ext cx="1498866" cy="1630129"/>
          </a:xfrm>
          <a:prstGeom prst="rect">
            <a:avLst/>
          </a:prstGeom>
        </p:spPr>
      </p:pic>
      <p:pic>
        <p:nvPicPr>
          <p:cNvPr id="17" name="Billede 16">
            <a:extLst>
              <a:ext uri="{FF2B5EF4-FFF2-40B4-BE49-F238E27FC236}">
                <a16:creationId xmlns:a16="http://schemas.microsoft.com/office/drawing/2014/main" id="{B924F97B-1237-6FD5-CF29-17195F9B3B8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194327" y="4375835"/>
            <a:ext cx="1530429" cy="1682836"/>
          </a:xfrm>
          <a:prstGeom prst="rect">
            <a:avLst/>
          </a:prstGeom>
        </p:spPr>
      </p:pic>
      <p:pic>
        <p:nvPicPr>
          <p:cNvPr id="19" name="Billede 18">
            <a:extLst>
              <a:ext uri="{FF2B5EF4-FFF2-40B4-BE49-F238E27FC236}">
                <a16:creationId xmlns:a16="http://schemas.microsoft.com/office/drawing/2014/main" id="{9DC95F34-B9B0-6FE0-A0EE-32A49DA6208C}"/>
              </a:ext>
            </a:extLst>
          </p:cNvPr>
          <p:cNvPicPr>
            <a:picLocks noChangeAspect="1"/>
          </p:cNvPicPr>
          <p:nvPr/>
        </p:nvPicPr>
        <p:blipFill>
          <a:blip r:embed="rId8"/>
          <a:srcRect l="1076" t="7106"/>
          <a:stretch/>
        </p:blipFill>
        <p:spPr>
          <a:xfrm>
            <a:off x="2578100" y="4552893"/>
            <a:ext cx="2211262" cy="1899498"/>
          </a:xfrm>
          <a:prstGeom prst="rect">
            <a:avLst/>
          </a:prstGeom>
        </p:spPr>
      </p:pic>
      <p:pic>
        <p:nvPicPr>
          <p:cNvPr id="21" name="Billede 20">
            <a:extLst>
              <a:ext uri="{FF2B5EF4-FFF2-40B4-BE49-F238E27FC236}">
                <a16:creationId xmlns:a16="http://schemas.microsoft.com/office/drawing/2014/main" id="{8E2C173F-6D82-1F80-F42F-FB73BFC11749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8707276" y="2518534"/>
            <a:ext cx="2494778" cy="1644735"/>
          </a:xfrm>
          <a:prstGeom prst="rect">
            <a:avLst/>
          </a:prstGeom>
        </p:spPr>
      </p:pic>
      <p:pic>
        <p:nvPicPr>
          <p:cNvPr id="23" name="Billede 22">
            <a:extLst>
              <a:ext uri="{FF2B5EF4-FFF2-40B4-BE49-F238E27FC236}">
                <a16:creationId xmlns:a16="http://schemas.microsoft.com/office/drawing/2014/main" id="{6EB75F55-F979-61D7-937D-016FC0719C38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9509590" y="4552893"/>
            <a:ext cx="2142884" cy="1515326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52F80FDF-C411-9E00-A746-47099CB8CB38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332787" y="110467"/>
            <a:ext cx="11117226" cy="22291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873422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BFF22C6-CAE5-FD7A-7AE1-3761F4CAF7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14DC6E45-94B6-1F14-9E60-FE36AB2B738D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410400" y="1971592"/>
            <a:ext cx="9246075" cy="3238666"/>
          </a:xfr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B640F0C-5969-192B-177C-D68E2968C55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3EE00EA3-AFEA-42CC-BB4D-1F7AABD0AE53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8FDDA2B-90F7-1DB8-5437-B5BE6DB0680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090DA8A9-9821-4B51-FCE7-8EA3659DB676}"/>
              </a:ext>
            </a:extLst>
          </p:cNvPr>
          <p:cNvSpPr txBox="1"/>
          <p:nvPr/>
        </p:nvSpPr>
        <p:spPr>
          <a:xfrm>
            <a:off x="504825" y="5460422"/>
            <a:ext cx="614045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https://sdunet.dk/da/servicesider/teknisk-service/affald</a:t>
            </a:r>
          </a:p>
        </p:txBody>
      </p:sp>
    </p:spTree>
    <p:extLst>
      <p:ext uri="{BB962C8B-B14F-4D97-AF65-F5344CB8AC3E}">
        <p14:creationId xmlns:p14="http://schemas.microsoft.com/office/powerpoint/2010/main" val="101053502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8951993-6933-601B-000E-EAF6FF59F40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Vil du vide mere om klima- og bæredygtighedsarbejdet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9F1A951-1532-6017-19B9-431B1B862600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dirty="0"/>
              <a:t>SDU medarbejderkurser</a:t>
            </a:r>
          </a:p>
          <a:p>
            <a:r>
              <a:rPr lang="da-DK" dirty="0"/>
              <a:t>Klimakvarteret eller klimaworkshop – Få en eller flere klimaambassadører på besøg.</a:t>
            </a:r>
          </a:p>
          <a:p>
            <a:r>
              <a:rPr lang="da-DK" dirty="0">
                <a:hlinkClick r:id="rId2"/>
              </a:rPr>
              <a:t>https://event.sdu.dk/klimakvarteretklimaworkshops</a:t>
            </a:r>
            <a:endParaRPr lang="da-DK" dirty="0"/>
          </a:p>
          <a:p>
            <a:endParaRPr lang="da-DK" dirty="0"/>
          </a:p>
          <a:p>
            <a:pPr marL="0" indent="0">
              <a:buNone/>
            </a:pPr>
            <a:r>
              <a:rPr lang="da-DK" dirty="0"/>
              <a:t>Hør mere om mulighederne for at få tilrettelagt et kursus, kontakt Bill Busch Andersen, bban@sdu.dk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CD11C42C-14D1-7A40-A407-47D74CF207F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812FF727-0C59-48DA-B495-0A9A6FFAAB1F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DFA0250D-92AA-55F6-46DB-F5D4C4DCF7F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34823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E9CC3E9-E65E-E30B-1792-D1726EC957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fgrænsning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5DBECFD-C7CA-F6CF-0C25-2DE31A7A1C11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dirty="0"/>
              <a:t>Indblik i klimaprojekter</a:t>
            </a:r>
          </a:p>
          <a:p>
            <a:r>
              <a:rPr lang="da-DK" dirty="0"/>
              <a:t>Affaldssortering – et eksempel på, hvordan Teknisk Service kører klimaprojekter</a:t>
            </a:r>
          </a:p>
          <a:p>
            <a:r>
              <a:rPr lang="da-DK" dirty="0"/>
              <a:t>Fokus er på processerne i projektet</a:t>
            </a:r>
          </a:p>
          <a:p>
            <a:r>
              <a:rPr lang="da-DK" dirty="0"/>
              <a:t>Stil gerne spørgsmål undervejs. Kan jeg ikke svare på spørgsmålet, og vil du gerne have svar, så send en mail: maskov@sdu.dk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6701ACF-304B-A812-F7E3-6D11118F363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C3ADD2B-B708-4E27-83A1-896FCCEA6490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F1C3732C-958B-F1C0-046A-6C6C9AB700C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9741454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AB53FCC-4989-4459-010B-C728978A4D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maprojekt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A26A012-A66A-D02B-0BAC-D2D5DB6FC310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dirty="0"/>
              <a:t>24. september 2019 Kick OFF</a:t>
            </a:r>
          </a:p>
          <a:p>
            <a:r>
              <a:rPr lang="da-DK" dirty="0"/>
              <a:t>Klimaplan 2022-2024</a:t>
            </a:r>
          </a:p>
          <a:p>
            <a:r>
              <a:rPr lang="da-DK" dirty="0"/>
              <a:t>24 indsatser.</a:t>
            </a:r>
          </a:p>
          <a:p>
            <a:r>
              <a:rPr lang="da-DK" dirty="0"/>
              <a:t>Pakke A – Campus, bygninger og drift (8 indsatser)</a:t>
            </a:r>
          </a:p>
          <a:p>
            <a:r>
              <a:rPr lang="da-DK" dirty="0"/>
              <a:t>Pakke B – Cirkulært ressourceforbrug (7 indsatser)</a:t>
            </a:r>
          </a:p>
          <a:p>
            <a:r>
              <a:rPr lang="da-DK" dirty="0"/>
              <a:t>Pakke C – Transport (4 indsatser)</a:t>
            </a:r>
          </a:p>
          <a:p>
            <a:r>
              <a:rPr lang="da-DK" dirty="0"/>
              <a:t>Pakke D – Adfærd, Kommunikation (5 indsatser)</a:t>
            </a:r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9F60B649-648C-C33D-F134-A96CC37F407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E02FA61-3F80-4D35-89E2-9EA9C943A8A7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A8A9821-3E5A-3A4B-F840-B05EFCFA871C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424896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4FF4417-414A-FC62-64BC-78696DA287F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ffaldssortering - tidslinje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E5EF074-5492-59AE-1A19-F4EDAFA1EB15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dirty="0"/>
              <a:t>2019 – Stort ønske på workshop at udrulle affaldssortering</a:t>
            </a:r>
            <a:endParaRPr lang="da-DK" sz="1600" b="0" i="0" dirty="0">
              <a:effectLst/>
            </a:endParaRPr>
          </a:p>
          <a:p>
            <a:r>
              <a:rPr lang="da-DK" dirty="0"/>
              <a:t>2020 - Pilot på Campusvej (Corona nedlukning)</a:t>
            </a:r>
          </a:p>
          <a:p>
            <a:r>
              <a:rPr lang="da-DK" dirty="0"/>
              <a:t>2020 - Ændret affaldsbekendtgørelse fra januar 2021 </a:t>
            </a:r>
          </a:p>
          <a:p>
            <a:r>
              <a:rPr lang="da-DK" dirty="0"/>
              <a:t>2021 - 34 kommuner søger udsættelse af affaldssortering</a:t>
            </a:r>
          </a:p>
          <a:p>
            <a:r>
              <a:rPr lang="da-DK" dirty="0"/>
              <a:t>2021-  August, nye beholder i private hjem i Odense </a:t>
            </a:r>
          </a:p>
          <a:p>
            <a:pPr marL="0" indent="0">
              <a:buNone/>
            </a:pPr>
            <a:r>
              <a:rPr lang="da-DK" dirty="0"/>
              <a:t> Klimaplan 2022-2024 – affaldssortering som indsats</a:t>
            </a:r>
          </a:p>
          <a:p>
            <a:r>
              <a:rPr lang="da-DK" dirty="0"/>
              <a:t>2022 – Maj startede jeg på SDU</a:t>
            </a:r>
          </a:p>
          <a:p>
            <a:r>
              <a:rPr lang="da-DK" dirty="0"/>
              <a:t>2023 – Januar lovpligtigt at have affaldssortering for virksomheder</a:t>
            </a:r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FD82589-D881-C6EC-F1A2-9D3CF63E96B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C11ECA0-D019-4BFD-88EF-D26862D39304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07F1D91-8423-AF67-7E0A-947430C0033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0055112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A2E5724-A3B7-E30A-667D-5501E25626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ffaldssortering - udgangspunktet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73C059F-A332-140D-4431-5643D867176E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sz="1600" b="0" i="0" dirty="0">
                <a:effectLst/>
              </a:rPr>
              <a:t>Udrulning af kildesortering blandt universitetets brugere på alle universitetets campusser, så studerende, ansatte og gæster finder det nemt at bidrage til øget affaldssortering. </a:t>
            </a:r>
          </a:p>
          <a:p>
            <a:r>
              <a:rPr lang="da-DK" dirty="0"/>
              <a:t>Allerede meget affaldssortering ”</a:t>
            </a:r>
            <a:r>
              <a:rPr lang="da-DK" dirty="0" err="1"/>
              <a:t>behind</a:t>
            </a:r>
            <a:r>
              <a:rPr lang="da-DK" dirty="0"/>
              <a:t> the scene” </a:t>
            </a:r>
            <a:r>
              <a:rPr lang="da-DK"/>
              <a:t>32 fraktioner</a:t>
            </a:r>
            <a:endParaRPr lang="da-DK" dirty="0"/>
          </a:p>
          <a:p>
            <a:r>
              <a:rPr lang="da-DK" dirty="0"/>
              <a:t>Ingen øgede driftsomkostning</a:t>
            </a:r>
          </a:p>
          <a:p>
            <a:r>
              <a:rPr lang="da-DK" dirty="0"/>
              <a:t>Esbjerg, Kolding, København, Slagelse, Sønderborg (SIF), Odense, Klosteret (Odense) Svanninge, Lufthavnen (Odense), Kerteminde</a:t>
            </a:r>
          </a:p>
          <a:p>
            <a:r>
              <a:rPr lang="da-DK" dirty="0"/>
              <a:t>Pilotprojekt havde bidraget med viden, og erfaringer i Odense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B479A1B9-1E62-DD6F-B0B3-54C3899CE9F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3B0ED361-05B4-4F83-8551-B28A51C5F1D0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F5022C4-3C15-4E72-4BF6-A080FF448D9C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4359834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A1D8CD5-9AE8-3751-DA6A-E584A02C8E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ffaldssortering i Odense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D5086B9-5D6E-18CB-5487-4042E93B68C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400" y="1965291"/>
            <a:ext cx="10961237" cy="4164575"/>
          </a:xfrm>
        </p:spPr>
        <p:txBody>
          <a:bodyPr/>
          <a:lstStyle/>
          <a:p>
            <a:r>
              <a:rPr lang="da-DK" dirty="0"/>
              <a:t>Projektgrundlag august – oktober 2022 </a:t>
            </a:r>
          </a:p>
          <a:p>
            <a:r>
              <a:rPr lang="da-DK" dirty="0"/>
              <a:t>Pakkeejer Nicolai Sørensen (Økonomi) </a:t>
            </a:r>
          </a:p>
          <a:p>
            <a:r>
              <a:rPr lang="da-DK" dirty="0"/>
              <a:t>Projektejer Henrik Mørkenborg Ravn (Teknisk Service)</a:t>
            </a:r>
          </a:p>
          <a:p>
            <a:r>
              <a:rPr lang="da-DK" dirty="0"/>
              <a:t>Styregruppen Ledergruppen i Teknisk Service</a:t>
            </a:r>
          </a:p>
          <a:p>
            <a:r>
              <a:rPr lang="da-DK" dirty="0"/>
              <a:t>Affaldsstationer på gangniveau, med samme fraktioner som kommunen</a:t>
            </a:r>
          </a:p>
          <a:p>
            <a:r>
              <a:rPr lang="da-DK" dirty="0"/>
              <a:t>Stop tømning af affaldsspande på kontorerne, møde- og </a:t>
            </a:r>
            <a:r>
              <a:rPr lang="da-DK" dirty="0" err="1"/>
              <a:t>undervisnigslokaer</a:t>
            </a:r>
            <a:r>
              <a:rPr lang="da-DK" dirty="0"/>
              <a:t>– mindsker fejlsortering, og økonomi til at sortere flere steder </a:t>
            </a:r>
          </a:p>
          <a:p>
            <a:r>
              <a:rPr lang="da-DK" dirty="0"/>
              <a:t>Mulighed for 2 fraktioner i te køkkenerne (Rest og Madaffald)</a:t>
            </a:r>
          </a:p>
          <a:p>
            <a:r>
              <a:rPr lang="da-DK" dirty="0"/>
              <a:t>Sikre, at der er styr på brandmyndighederne </a:t>
            </a:r>
          </a:p>
          <a:p>
            <a:r>
              <a:rPr lang="da-DK" dirty="0"/>
              <a:t>Bæredygtige affaldsstationer (produceret i Danmark af genbrugsstål, med muligheder for at tilpasse, samt reservedele)</a:t>
            </a:r>
          </a:p>
          <a:p>
            <a:r>
              <a:rPr lang="da-DK" dirty="0"/>
              <a:t>Brug af nationale piktogrammer</a:t>
            </a:r>
          </a:p>
          <a:p>
            <a:endParaRPr lang="da-DK" dirty="0"/>
          </a:p>
          <a:p>
            <a:r>
              <a:rPr lang="da-DK" dirty="0"/>
              <a:t>Projektgrundlag godkendt i december 2022 </a:t>
            </a:r>
          </a:p>
          <a:p>
            <a:r>
              <a:rPr lang="da-DK" dirty="0"/>
              <a:t>Stationer opsat januar 2023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046A44A-8673-648D-4F2F-869BB2F6527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8E0524F-8487-4508-A860-89140126B1A4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688EC61-443B-711D-3DC7-9E78C317B31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4510165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6FA171F-2A36-60DE-FD86-745A43C97B3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rfaringer fra Odense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DD425FA-1953-6FAB-87D1-D505060E10D1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dirty="0"/>
              <a:t>Projektejer ændres</a:t>
            </a:r>
          </a:p>
          <a:p>
            <a:r>
              <a:rPr lang="da-DK" dirty="0"/>
              <a:t>Store kommunale forskelle</a:t>
            </a:r>
          </a:p>
          <a:p>
            <a:r>
              <a:rPr lang="da-DK" dirty="0"/>
              <a:t>Forandring gør lidt ondt</a:t>
            </a:r>
          </a:p>
          <a:p>
            <a:r>
              <a:rPr lang="da-DK" dirty="0"/>
              <a:t>Svært at få kommunikation ud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0C8403F-AA15-8B42-80B8-09DF996C11E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960B62A-FE94-493D-8076-71E006C3AF87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DF2A648-6101-AFB8-B568-BFC44BB80B5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1394329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8CE239C-C540-6B1C-6653-827BE72628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ffaldssortering på alle campusser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B4532EC-3BC2-2087-7FF6-3250BAE8E18B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dirty="0"/>
              <a:t>Esbjerg – deler hus med UC SYD som står for affaldshåndteringen, derudover store udfordringer med brandmyndighederne, har allerede brugersortering, ændre sorteringsregler i 2025</a:t>
            </a:r>
          </a:p>
          <a:p>
            <a:r>
              <a:rPr lang="da-DK" dirty="0"/>
              <a:t>Kolding – deler hus med UC SYD, vil står for kontakt til affaldsleverandør, derudover et hus med en stærk design profil, Kolding Kommune tiltænker at ændre affaldssorteringen i 2024</a:t>
            </a:r>
          </a:p>
          <a:p>
            <a:r>
              <a:rPr lang="da-DK" dirty="0"/>
              <a:t>Slagelse – Meget kompliceret affaldssortering, planer om at ændre affaldssortering men uklart hvordan og hvornår.</a:t>
            </a:r>
          </a:p>
          <a:p>
            <a:r>
              <a:rPr lang="da-DK" dirty="0"/>
              <a:t>Sønderborg – deler hus med flere, egen driftsorganisation, ejerforeningen skal tage stilling til affaldssortering, har udrullet affaldssortering.</a:t>
            </a:r>
          </a:p>
          <a:p>
            <a:r>
              <a:rPr lang="da-DK" dirty="0"/>
              <a:t>København – et gammelt hus, hvor vi ikke må stille affaldsstationer på gangene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9E07A04-323C-CB7F-55A3-92E6BA0A270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F890ED9-161B-4109-BEF4-6DC99768F016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0E281D4-33C5-9475-A19C-99E0D6917CE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03102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1C0D35B-6AE7-FE79-105A-5A3A3649F9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D55F928-270D-1614-A9EE-8B1C168A04BF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DBDDE06-C109-BD42-D79E-CAAC090F794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ADC7D3B-4163-4691-A556-6DA6B06BFACD}" type="datetime1">
              <a:rPr lang="da-DK" smtClean="0"/>
              <a:t>21-02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FF9F6ED4-7E74-D3AA-6807-AE3EF425EC5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 dirty="0"/>
          </a:p>
        </p:txBody>
      </p:sp>
      <p:pic>
        <p:nvPicPr>
          <p:cNvPr id="1026" name="Picture 2" descr="Et billede, der indeholder skraldespand, Skraldecontainer, container, Skraldebeholder&#10;&#10;Automatisk genereret beskrivelse">
            <a:extLst>
              <a:ext uri="{FF2B5EF4-FFF2-40B4-BE49-F238E27FC236}">
                <a16:creationId xmlns:a16="http://schemas.microsoft.com/office/drawing/2014/main" id="{4DB573FD-B596-1677-D4CF-D8E4AE45419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200" y="42863"/>
            <a:ext cx="12039600" cy="67722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499097857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3874ABC-2065-4A7D-A58C-B9BA277BFB16}">
  <ds:schemaRefs/>
</ds:datastoreItem>
</file>

<file path=customXml/itemProps2.xml><?xml version="1.0" encoding="utf-8"?>
<ds:datastoreItem xmlns:ds="http://schemas.openxmlformats.org/officeDocument/2006/customXml" ds:itemID="{8A405656-6C4F-4C73-958C-1744EC0D04F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600</Words>
  <Application>Microsoft Office PowerPoint</Application>
  <PresentationFormat>Widescreen</PresentationFormat>
  <Paragraphs>86</Paragraphs>
  <Slides>12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2</vt:i4>
      </vt:variant>
    </vt:vector>
  </HeadingPairs>
  <TitlesOfParts>
    <vt:vector size="15" baseType="lpstr">
      <vt:lpstr>Arial</vt:lpstr>
      <vt:lpstr>Wingdings</vt:lpstr>
      <vt:lpstr>Blank</vt:lpstr>
      <vt:lpstr>Affaldssortering   Malene Skovbakke – maskov@sdu.dk Projektleder – Teknisk Service</vt:lpstr>
      <vt:lpstr>Afgrænsning</vt:lpstr>
      <vt:lpstr>Klimaprojekt</vt:lpstr>
      <vt:lpstr>Affaldssortering - tidslinje </vt:lpstr>
      <vt:lpstr>Affaldssortering - udgangspunktet</vt:lpstr>
      <vt:lpstr>Affaldssortering i Odense </vt:lpstr>
      <vt:lpstr>Erfaringer fra Odense </vt:lpstr>
      <vt:lpstr>Affaldssortering på alle campusser </vt:lpstr>
      <vt:lpstr>PowerPoint-præsentation</vt:lpstr>
      <vt:lpstr>Hvem skal lære os at sortere korrekt?</vt:lpstr>
      <vt:lpstr>PowerPoint-præsentation</vt:lpstr>
      <vt:lpstr>Vil du vide mere om klima- og bæredygtighedsarbejdet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9-09T07:43:53Z</dcterms:created>
  <dcterms:modified xsi:type="dcterms:W3CDTF">2025-02-21T07:02:3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52149341095369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